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209EB" w:rsidRDefault="00F033B0">
      <w:r>
        <w:t>For Engineers</w:t>
      </w:r>
    </w:p>
    <w:p w:rsidR="00F033B0" w:rsidRDefault="00F033B0">
      <w:r>
        <w:t xml:space="preserve">Example of LMS can query the data base to see from where a course was assigned: </w:t>
      </w:r>
    </w:p>
    <w:p w:rsidR="00F033B0" w:rsidRDefault="00F033B0">
      <w:r>
        <w:rPr>
          <w:noProof/>
          <w:lang w:eastAsia="en-GB"/>
        </w:rPr>
        <w:drawing>
          <wp:inline distT="0" distB="0" distL="0" distR="0" wp14:anchorId="02AA4644" wp14:editId="59564956">
            <wp:extent cx="3940438" cy="4316681"/>
            <wp:effectExtent l="0" t="0" r="3175" b="8255"/>
            <wp:docPr id="11" name="Picture 11" descr="C:\Users\i323253\AppData\Local\Microsoft\Windows\INetCacheContent.Word\AttE3CF.tmp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23253\AppData\Local\Microsoft\Windows\INetCacheContent.Word\AttE3CF.tmp.pn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44426" cy="4321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F033B0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60"/>
  <w:doNotDisplayPageBoundaries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033B0"/>
    <w:rsid w:val="000B31A7"/>
    <w:rsid w:val="00322C27"/>
    <w:rsid w:val="00386B6E"/>
    <w:rsid w:val="00C6154D"/>
    <w:rsid w:val="00F033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75D55E3"/>
  <w15:chartTrackingRefBased/>
  <w15:docId w15:val="{33B37590-C5A2-4A08-8EAA-60487CB9C63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14</Words>
  <Characters>83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uinane, Adam</dc:creator>
  <cp:keywords/>
  <dc:description/>
  <cp:lastModifiedBy>Guinane, Adam</cp:lastModifiedBy>
  <cp:revision>1</cp:revision>
  <dcterms:created xsi:type="dcterms:W3CDTF">2017-09-15T18:54:00Z</dcterms:created>
  <dcterms:modified xsi:type="dcterms:W3CDTF">2017-09-15T18:56:00Z</dcterms:modified>
</cp:coreProperties>
</file>